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7\202602\当月分\"/>
    </mc:Choice>
  </mc:AlternateContent>
  <xr:revisionPtr revIDLastSave="0" documentId="8_{C94DB44B-EB2C-4065-9EC3-F2A1104398B8}" xr6:coauthVersionLast="47" xr6:coauthVersionMax="47" xr10:uidLastSave="{00000000-0000-0000-0000-000000000000}"/>
  <bookViews>
    <workbookView xWindow="960" yWindow="876" windowWidth="22080" windowHeight="12084" xr2:uid="{00000000-000D-0000-FFFF-FFFF00000000}"/>
  </bookViews>
  <sheets>
    <sheet name="鎌倉HWC_20250501" sheetId="1" r:id="rId1"/>
  </sheets>
  <definedNames>
    <definedName name="_xlnm.Print_Area" localSheetId="0">鎌倉HWC_20250501!$A$1:$G$37</definedName>
    <definedName name="_xlnm.Print_Titles" localSheetId="0">鎌倉HWC_20250501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7" uniqueCount="132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株式会社ホワイトデンタルラボ鎌倉</t>
    <rPh sb="0" eb="2">
      <t>カブシキ</t>
    </rPh>
    <rPh sb="2" eb="4">
      <t>カイシャ</t>
    </rPh>
    <rPh sb="14" eb="16">
      <t>カマクラ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8</t>
    <rPh sb="1" eb="5">
      <t>カナガワケン</t>
    </rPh>
    <rPh sb="6" eb="8">
      <t>カマクラ</t>
    </rPh>
    <phoneticPr fontId="2"/>
  </si>
  <si>
    <t>アキバ・デンタル・ルーム</t>
  </si>
  <si>
    <t>葉山町一色１１０４</t>
    <rPh sb="0" eb="2">
      <t>ハヤマ</t>
    </rPh>
    <rPh sb="2" eb="3">
      <t>マチ</t>
    </rPh>
    <rPh sb="3" eb="5">
      <t>イッシキ</t>
    </rPh>
    <phoneticPr fontId="6"/>
  </si>
  <si>
    <t>秋葉　裕之</t>
    <rPh sb="0" eb="1">
      <t>アキ</t>
    </rPh>
    <rPh sb="1" eb="2">
      <t>ハ</t>
    </rPh>
    <rPh sb="3" eb="4">
      <t>ユタカ</t>
    </rPh>
    <rPh sb="4" eb="5">
      <t>コレ</t>
    </rPh>
    <phoneticPr fontId="6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1</t>
    <rPh sb="1" eb="5">
      <t>カナガワケン</t>
    </rPh>
    <rPh sb="6" eb="8">
      <t>カマクラ</t>
    </rPh>
    <phoneticPr fontId="2"/>
  </si>
  <si>
    <t>葉山デンタルラボ</t>
    <rPh sb="0" eb="2">
      <t>ハヤマ</t>
    </rPh>
    <phoneticPr fontId="6"/>
  </si>
  <si>
    <t>葉山町長柄６５４－１１</t>
    <rPh sb="0" eb="2">
      <t>ハヤマ</t>
    </rPh>
    <rPh sb="2" eb="3">
      <t>マチ</t>
    </rPh>
    <rPh sb="3" eb="5">
      <t>ナガエ</t>
    </rPh>
    <phoneticPr fontId="6"/>
  </si>
  <si>
    <t>水野　良輔</t>
    <rPh sb="0" eb="2">
      <t>ミズノ</t>
    </rPh>
    <rPh sb="3" eb="5">
      <t>リョウスケ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８年２月１日時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4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3" fillId="3" borderId="2" xfId="1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G37"/>
  <sheetViews>
    <sheetView showGridLines="0" tabSelected="1" zoomScale="91" zoomScaleNormal="91" zoomScaleSheetLayoutView="85" workbookViewId="0">
      <selection activeCell="G12" sqref="G12"/>
    </sheetView>
  </sheetViews>
  <sheetFormatPr defaultColWidth="7.8984375" defaultRowHeight="18" x14ac:dyDescent="0.45"/>
  <cols>
    <col min="1" max="1" width="3" style="1" customWidth="1"/>
    <col min="2" max="2" width="19.296875" style="1" customWidth="1"/>
    <col min="3" max="3" width="27.296875" style="2" customWidth="1"/>
    <col min="4" max="4" width="34.59765625" style="2" customWidth="1"/>
    <col min="5" max="5" width="24.19921875" style="2" customWidth="1"/>
    <col min="6" max="6" width="13" style="2" customWidth="1"/>
    <col min="7" max="7" width="3.5" style="1" customWidth="1"/>
    <col min="8" max="16384" width="7.8984375" style="1"/>
  </cols>
  <sheetData>
    <row r="1" spans="2:6" ht="23.25" customHeight="1" x14ac:dyDescent="0.45">
      <c r="B1" s="13" t="s">
        <v>0</v>
      </c>
      <c r="C1" s="13"/>
      <c r="D1" s="13"/>
      <c r="E1" s="13"/>
      <c r="F1" s="13"/>
    </row>
    <row r="2" spans="2:6" ht="5.25" customHeight="1" x14ac:dyDescent="0.45"/>
    <row r="3" spans="2:6" ht="24" customHeight="1" x14ac:dyDescent="0.45">
      <c r="B3" s="3" t="s">
        <v>1</v>
      </c>
      <c r="F3" s="4" t="s">
        <v>131</v>
      </c>
    </row>
    <row r="4" spans="2:6" ht="24" customHeight="1" x14ac:dyDescent="0.45">
      <c r="B4" s="11" t="s">
        <v>2</v>
      </c>
      <c r="C4" s="12" t="s">
        <v>3</v>
      </c>
      <c r="D4" s="12" t="s">
        <v>4</v>
      </c>
      <c r="E4" s="12" t="s">
        <v>5</v>
      </c>
      <c r="F4" s="12" t="s">
        <v>6</v>
      </c>
    </row>
    <row r="5" spans="2:6" ht="24" customHeight="1" x14ac:dyDescent="0.45">
      <c r="B5" s="5" t="s">
        <v>7</v>
      </c>
      <c r="C5" s="9" t="s">
        <v>8</v>
      </c>
      <c r="D5" s="9" t="s">
        <v>9</v>
      </c>
      <c r="E5" s="9" t="s">
        <v>8</v>
      </c>
      <c r="F5" s="10"/>
    </row>
    <row r="6" spans="2:6" ht="24" customHeight="1" x14ac:dyDescent="0.45">
      <c r="B6" s="5" t="s">
        <v>10</v>
      </c>
      <c r="C6" s="9" t="s">
        <v>11</v>
      </c>
      <c r="D6" s="9" t="s">
        <v>12</v>
      </c>
      <c r="E6" s="9" t="s">
        <v>11</v>
      </c>
      <c r="F6" s="10"/>
    </row>
    <row r="7" spans="2:6" ht="24" customHeight="1" x14ac:dyDescent="0.45">
      <c r="B7" s="5" t="s">
        <v>13</v>
      </c>
      <c r="C7" s="9" t="s">
        <v>14</v>
      </c>
      <c r="D7" s="9" t="s">
        <v>15</v>
      </c>
      <c r="E7" s="9" t="s">
        <v>16</v>
      </c>
      <c r="F7" s="10"/>
    </row>
    <row r="8" spans="2:6" ht="24" customHeight="1" x14ac:dyDescent="0.45">
      <c r="B8" s="5" t="s">
        <v>17</v>
      </c>
      <c r="C8" s="9" t="s">
        <v>18</v>
      </c>
      <c r="D8" s="9" t="s">
        <v>19</v>
      </c>
      <c r="E8" s="9" t="s">
        <v>20</v>
      </c>
      <c r="F8" s="10"/>
    </row>
    <row r="9" spans="2:6" ht="24" customHeight="1" x14ac:dyDescent="0.45">
      <c r="B9" s="5" t="s">
        <v>21</v>
      </c>
      <c r="C9" s="9" t="s">
        <v>22</v>
      </c>
      <c r="D9" s="9" t="s">
        <v>23</v>
      </c>
      <c r="E9" s="9" t="s">
        <v>24</v>
      </c>
      <c r="F9" s="10"/>
    </row>
    <row r="10" spans="2:6" ht="24" customHeight="1" x14ac:dyDescent="0.45">
      <c r="B10" s="5" t="s">
        <v>25</v>
      </c>
      <c r="C10" s="9" t="s">
        <v>26</v>
      </c>
      <c r="D10" s="9" t="s">
        <v>27</v>
      </c>
      <c r="E10" s="9" t="s">
        <v>26</v>
      </c>
      <c r="F10" s="10"/>
    </row>
    <row r="11" spans="2:6" ht="24" customHeight="1" x14ac:dyDescent="0.45">
      <c r="B11" s="5" t="s">
        <v>28</v>
      </c>
      <c r="C11" s="9" t="s">
        <v>29</v>
      </c>
      <c r="D11" s="9" t="s">
        <v>30</v>
      </c>
      <c r="E11" s="9" t="s">
        <v>31</v>
      </c>
      <c r="F11" s="10"/>
    </row>
    <row r="12" spans="2:6" ht="24" customHeight="1" x14ac:dyDescent="0.45">
      <c r="B12" s="5" t="s">
        <v>32</v>
      </c>
      <c r="C12" s="9" t="s">
        <v>33</v>
      </c>
      <c r="D12" s="9" t="s">
        <v>34</v>
      </c>
      <c r="E12" s="9" t="s">
        <v>35</v>
      </c>
      <c r="F12" s="10"/>
    </row>
    <row r="13" spans="2:6" ht="24" customHeight="1" x14ac:dyDescent="0.45">
      <c r="B13" s="5" t="s">
        <v>36</v>
      </c>
      <c r="C13" s="9" t="s">
        <v>37</v>
      </c>
      <c r="D13" s="9" t="s">
        <v>38</v>
      </c>
      <c r="E13" s="9" t="s">
        <v>39</v>
      </c>
      <c r="F13" s="10"/>
    </row>
    <row r="14" spans="2:6" ht="24" customHeight="1" x14ac:dyDescent="0.45">
      <c r="B14" s="5" t="s">
        <v>40</v>
      </c>
      <c r="C14" s="9" t="s">
        <v>41</v>
      </c>
      <c r="D14" s="9" t="s">
        <v>125</v>
      </c>
      <c r="E14" s="9" t="s">
        <v>42</v>
      </c>
      <c r="F14" s="10"/>
    </row>
    <row r="15" spans="2:6" ht="24" customHeight="1" x14ac:dyDescent="0.45">
      <c r="B15" s="5" t="s">
        <v>43</v>
      </c>
      <c r="C15" s="9" t="s">
        <v>44</v>
      </c>
      <c r="D15" s="9" t="s">
        <v>45</v>
      </c>
      <c r="E15" s="9" t="s">
        <v>46</v>
      </c>
      <c r="F15" s="10"/>
    </row>
    <row r="16" spans="2:6" ht="24" customHeight="1" x14ac:dyDescent="0.45">
      <c r="B16" s="5" t="s">
        <v>47</v>
      </c>
      <c r="C16" s="9" t="s">
        <v>48</v>
      </c>
      <c r="D16" s="9" t="s">
        <v>49</v>
      </c>
      <c r="E16" s="9" t="s">
        <v>50</v>
      </c>
      <c r="F16" s="10"/>
    </row>
    <row r="17" spans="2:7" ht="24" customHeight="1" x14ac:dyDescent="0.45">
      <c r="B17" s="5" t="s">
        <v>51</v>
      </c>
      <c r="C17" s="9" t="s">
        <v>52</v>
      </c>
      <c r="D17" s="9" t="s">
        <v>53</v>
      </c>
      <c r="E17" s="9" t="s">
        <v>54</v>
      </c>
      <c r="F17" s="10"/>
    </row>
    <row r="18" spans="2:7" ht="24" customHeight="1" x14ac:dyDescent="0.45">
      <c r="B18" s="5" t="s">
        <v>55</v>
      </c>
      <c r="C18" s="9" t="s">
        <v>56</v>
      </c>
      <c r="D18" s="9" t="s">
        <v>57</v>
      </c>
      <c r="E18" s="9" t="s">
        <v>58</v>
      </c>
      <c r="F18" s="10"/>
    </row>
    <row r="19" spans="2:7" ht="32.4" customHeight="1" x14ac:dyDescent="0.45">
      <c r="B19" s="5" t="s">
        <v>59</v>
      </c>
      <c r="C19" s="9" t="s">
        <v>60</v>
      </c>
      <c r="D19" s="9" t="s">
        <v>61</v>
      </c>
      <c r="E19" s="9" t="s">
        <v>62</v>
      </c>
      <c r="F19" s="10"/>
    </row>
    <row r="20" spans="2:7" ht="34.799999999999997" customHeight="1" x14ac:dyDescent="0.45">
      <c r="B20" s="5" t="s">
        <v>63</v>
      </c>
      <c r="C20" s="9" t="s">
        <v>64</v>
      </c>
      <c r="D20" s="9" t="s">
        <v>65</v>
      </c>
      <c r="E20" s="9" t="s">
        <v>66</v>
      </c>
      <c r="F20" s="10"/>
    </row>
    <row r="21" spans="2:7" ht="24" customHeight="1" x14ac:dyDescent="0.45">
      <c r="B21" s="5" t="s">
        <v>67</v>
      </c>
      <c r="C21" s="9" t="s">
        <v>68</v>
      </c>
      <c r="D21" s="9" t="s">
        <v>69</v>
      </c>
      <c r="E21" s="9" t="s">
        <v>70</v>
      </c>
      <c r="F21" s="5"/>
    </row>
    <row r="22" spans="2:7" ht="24" customHeight="1" x14ac:dyDescent="0.45">
      <c r="B22" s="5" t="s">
        <v>71</v>
      </c>
      <c r="C22" s="9" t="s">
        <v>72</v>
      </c>
      <c r="D22" s="9" t="s">
        <v>73</v>
      </c>
      <c r="E22" s="9" t="s">
        <v>72</v>
      </c>
      <c r="F22" s="5"/>
    </row>
    <row r="23" spans="2:7" ht="24" customHeight="1" x14ac:dyDescent="0.45">
      <c r="B23" s="5" t="s">
        <v>74</v>
      </c>
      <c r="C23" s="9" t="s">
        <v>75</v>
      </c>
      <c r="D23" s="9" t="s">
        <v>76</v>
      </c>
      <c r="E23" s="9" t="s">
        <v>77</v>
      </c>
      <c r="F23" s="5"/>
    </row>
    <row r="24" spans="2:7" ht="24" customHeight="1" x14ac:dyDescent="0.45">
      <c r="B24" s="5" t="s">
        <v>78</v>
      </c>
      <c r="C24" s="9" t="s">
        <v>79</v>
      </c>
      <c r="D24" s="9" t="s">
        <v>80</v>
      </c>
      <c r="E24" s="9" t="s">
        <v>81</v>
      </c>
      <c r="F24" s="5"/>
    </row>
    <row r="25" spans="2:7" ht="24" customHeight="1" x14ac:dyDescent="0.45">
      <c r="B25" s="5" t="s">
        <v>82</v>
      </c>
      <c r="C25" s="9" t="s">
        <v>83</v>
      </c>
      <c r="D25" s="9" t="s">
        <v>84</v>
      </c>
      <c r="E25" s="9" t="s">
        <v>85</v>
      </c>
      <c r="F25" s="5"/>
      <c r="G25" s="6"/>
    </row>
    <row r="26" spans="2:7" ht="24" customHeight="1" x14ac:dyDescent="0.45">
      <c r="B26" s="5" t="s">
        <v>86</v>
      </c>
      <c r="C26" s="9" t="s">
        <v>87</v>
      </c>
      <c r="D26" s="9" t="s">
        <v>88</v>
      </c>
      <c r="E26" s="9" t="s">
        <v>89</v>
      </c>
      <c r="F26" s="5"/>
      <c r="G26" s="6"/>
    </row>
    <row r="27" spans="2:7" ht="24" customHeight="1" x14ac:dyDescent="0.45">
      <c r="B27" s="5" t="s">
        <v>90</v>
      </c>
      <c r="C27" s="9" t="s">
        <v>91</v>
      </c>
      <c r="D27" s="9" t="s">
        <v>92</v>
      </c>
      <c r="E27" s="9" t="s">
        <v>93</v>
      </c>
      <c r="F27" s="5"/>
      <c r="G27" s="6"/>
    </row>
    <row r="28" spans="2:7" ht="24" customHeight="1" x14ac:dyDescent="0.45">
      <c r="B28" s="5" t="s">
        <v>94</v>
      </c>
      <c r="C28" s="9" t="s">
        <v>95</v>
      </c>
      <c r="D28" s="9" t="s">
        <v>96</v>
      </c>
      <c r="E28" s="9" t="s">
        <v>97</v>
      </c>
      <c r="F28" s="5"/>
      <c r="G28" s="6"/>
    </row>
    <row r="29" spans="2:7" ht="24" customHeight="1" x14ac:dyDescent="0.45">
      <c r="B29" s="5" t="s">
        <v>98</v>
      </c>
      <c r="C29" s="9" t="s">
        <v>99</v>
      </c>
      <c r="D29" s="9" t="s">
        <v>100</v>
      </c>
      <c r="E29" s="9" t="s">
        <v>99</v>
      </c>
      <c r="F29" s="5"/>
      <c r="G29" s="6"/>
    </row>
    <row r="30" spans="2:7" ht="24" customHeight="1" x14ac:dyDescent="0.45">
      <c r="B30" s="5" t="s">
        <v>101</v>
      </c>
      <c r="C30" s="9" t="s">
        <v>102</v>
      </c>
      <c r="D30" s="9" t="s">
        <v>103</v>
      </c>
      <c r="E30" s="9" t="s">
        <v>104</v>
      </c>
      <c r="F30" s="5"/>
      <c r="G30" s="6"/>
    </row>
    <row r="31" spans="2:7" ht="24" customHeight="1" x14ac:dyDescent="0.45">
      <c r="B31" s="5" t="s">
        <v>105</v>
      </c>
      <c r="C31" s="9" t="s">
        <v>106</v>
      </c>
      <c r="D31" s="9" t="s">
        <v>107</v>
      </c>
      <c r="E31" s="9" t="s">
        <v>108</v>
      </c>
      <c r="F31" s="5"/>
      <c r="G31" s="6"/>
    </row>
    <row r="32" spans="2:7" ht="24" customHeight="1" x14ac:dyDescent="0.45">
      <c r="B32" s="5" t="s">
        <v>109</v>
      </c>
      <c r="C32" s="9" t="s">
        <v>110</v>
      </c>
      <c r="D32" s="9" t="s">
        <v>111</v>
      </c>
      <c r="E32" s="9" t="s">
        <v>112</v>
      </c>
      <c r="F32" s="5"/>
    </row>
    <row r="33" spans="2:6" ht="24" customHeight="1" x14ac:dyDescent="0.45">
      <c r="B33" s="5" t="s">
        <v>113</v>
      </c>
      <c r="C33" s="9" t="s">
        <v>114</v>
      </c>
      <c r="D33" s="9" t="s">
        <v>115</v>
      </c>
      <c r="E33" s="9" t="s">
        <v>116</v>
      </c>
      <c r="F33" s="5"/>
    </row>
    <row r="34" spans="2:6" ht="24" customHeight="1" x14ac:dyDescent="0.45">
      <c r="B34" s="5" t="s">
        <v>117</v>
      </c>
      <c r="C34" s="9" t="s">
        <v>118</v>
      </c>
      <c r="D34" s="9" t="s">
        <v>119</v>
      </c>
      <c r="E34" s="9" t="s">
        <v>120</v>
      </c>
      <c r="F34" s="5"/>
    </row>
    <row r="35" spans="2:6" ht="24" customHeight="1" x14ac:dyDescent="0.45">
      <c r="B35" s="5" t="s">
        <v>121</v>
      </c>
      <c r="C35" s="9" t="s">
        <v>122</v>
      </c>
      <c r="D35" s="9" t="s">
        <v>123</v>
      </c>
      <c r="E35" s="9" t="s">
        <v>124</v>
      </c>
      <c r="F35" s="5"/>
    </row>
    <row r="36" spans="2:6" ht="24" customHeight="1" x14ac:dyDescent="0.45">
      <c r="B36" s="5" t="s">
        <v>129</v>
      </c>
      <c r="C36" s="9" t="s">
        <v>126</v>
      </c>
      <c r="D36" s="9" t="s">
        <v>127</v>
      </c>
      <c r="E36" s="9" t="s">
        <v>128</v>
      </c>
      <c r="F36" s="5"/>
    </row>
    <row r="37" spans="2:6" ht="26.25" customHeight="1" x14ac:dyDescent="0.45">
      <c r="B37" s="3" t="s">
        <v>130</v>
      </c>
      <c r="C37" s="7"/>
      <c r="D37" s="7"/>
      <c r="E37" s="7"/>
      <c r="F37" s="8"/>
    </row>
  </sheetData>
  <mergeCells count="1">
    <mergeCell ref="B1:F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4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6-02-12T05:20:42Z</dcterms:modified>
</cp:coreProperties>
</file>